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vcfarchg02p.slv.bns\planificacion\GERENCIA SR. CONTROL FINANCIERO\2. GERENCIA REPORTERIA\1. REGULATORIOS\BOLSA DE VALORES\2018\IFSES\OCTUBRE\"/>
    </mc:Choice>
  </mc:AlternateContent>
  <bookViews>
    <workbookView xWindow="0" yWindow="0" windowWidth="28800" windowHeight="11700"/>
  </bookViews>
  <sheets>
    <sheet name="Balance BVS" sheetId="1" r:id="rId1"/>
    <sheet name="Est.Res. BVS" sheetId="2" r:id="rId2"/>
  </sheets>
  <externalReferences>
    <externalReference r:id="rId3"/>
    <externalReference r:id="rId4"/>
    <externalReference r:id="rId5"/>
  </externalReferences>
  <definedNames>
    <definedName name="Abrm">#REF!</definedName>
    <definedName name="Agisto_men">[2]Ago_Acum!$A$1:$G$44</definedName>
    <definedName name="cmpSpoolPath">"C:\Program Files\Symtrax\Compleo\Temp\00000000.txt"</definedName>
    <definedName name="Oct_Acumulado">[3]Acumulado!$A$1:$G$44</definedName>
    <definedName name="_xlnm.Print_Area" localSheetId="0">'Balance BVS'!$A$1:$L$65</definedName>
    <definedName name="_xlnm.Print_Area" localSheetId="1">'Est.Res. BVS'!$A$1:$K$56</definedName>
    <definedName name="_xlnm.Print_Area">#REF!</definedName>
    <definedName name="SpoolPath">"C:\Program Files\Symtrax\Compleo\Temp\00000000.txt"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82">
  <si>
    <t>Inversiones Financieras Scotiabank El Salvador, S.A. y Subsidiarias</t>
  </si>
  <si>
    <t>(Sociedad Controladora de Finalidad Exclusiva)</t>
  </si>
  <si>
    <t>(San Salvador, República de El Salvador)</t>
  </si>
  <si>
    <t>Balance General Consolidado Intermedio 
al 31 de octubre de 2018</t>
  </si>
  <si>
    <t>(Cifras en Miles de Dólares de los Estados Unidos de América)</t>
  </si>
  <si>
    <t>Activo</t>
  </si>
  <si>
    <t>Activos de intermediación</t>
  </si>
  <si>
    <t>Caja y bancos</t>
  </si>
  <si>
    <t>Reportos y otras operaciones bursátiles</t>
  </si>
  <si>
    <t>Inversiones financieras netas</t>
  </si>
  <si>
    <t>Cartera de préstamos neta</t>
  </si>
  <si>
    <t>Primas por cobrar, netas</t>
  </si>
  <si>
    <t xml:space="preserve">Deudores por seguros y fianzas </t>
  </si>
  <si>
    <t>Otros activos</t>
  </si>
  <si>
    <t xml:space="preserve"> </t>
  </si>
  <si>
    <t>Bienes recibidos en pago, neto de provisión por pérdida</t>
  </si>
  <si>
    <t>Inversiones accionarias</t>
  </si>
  <si>
    <t xml:space="preserve">   </t>
  </si>
  <si>
    <t>Diversos, neto de reservas de saneamiento</t>
  </si>
  <si>
    <t>Activo fijo</t>
  </si>
  <si>
    <t xml:space="preserve">Bienes inmuebles, muebles y otros, neto de </t>
  </si>
  <si>
    <t xml:space="preserve">  depreciación acumulada </t>
  </si>
  <si>
    <t>Crédito mercantil</t>
  </si>
  <si>
    <t>Total de activos</t>
  </si>
  <si>
    <t>Pasivo y Patrimonio</t>
  </si>
  <si>
    <t>Pasivos de intermediación</t>
  </si>
  <si>
    <t>Depósitos de clientes</t>
  </si>
  <si>
    <t>Préstamos del Banco de Desarrollo de El Salvador</t>
  </si>
  <si>
    <t xml:space="preserve">Préstamos de otros bancos </t>
  </si>
  <si>
    <t xml:space="preserve">Títulos de emisión propia </t>
  </si>
  <si>
    <t>Acreedores de seguros y fianzas</t>
  </si>
  <si>
    <t>Diversos</t>
  </si>
  <si>
    <t>Otros pasivos</t>
  </si>
  <si>
    <t xml:space="preserve">   Cuentas por pagar</t>
  </si>
  <si>
    <t xml:space="preserve">   Provisiones</t>
  </si>
  <si>
    <t xml:space="preserve">   Diversos</t>
  </si>
  <si>
    <t xml:space="preserve">Reservas técnicas y por siniestros </t>
  </si>
  <si>
    <t xml:space="preserve">   Reservas matemáticas </t>
  </si>
  <si>
    <t xml:space="preserve">   Reservas de riesgo en curso</t>
  </si>
  <si>
    <t xml:space="preserve">   Reservas por siniestros</t>
  </si>
  <si>
    <t>Total de pasivos</t>
  </si>
  <si>
    <t>Interés minoritario en subsidiarias</t>
  </si>
  <si>
    <t>Patrimonio</t>
  </si>
  <si>
    <t xml:space="preserve">   Capital social pagado </t>
  </si>
  <si>
    <t xml:space="preserve">   Reserva de capital, resultados aculmulados y patrimonio no ganado</t>
  </si>
  <si>
    <t>Total de patrimonio</t>
  </si>
  <si>
    <t xml:space="preserve">Total de pasivos y patrimonio </t>
  </si>
  <si>
    <t>Estado Consolidado de Resultados Intermedio</t>
  </si>
  <si>
    <t>Por los períodos del 01 de enero al 31 de octubre de 2018</t>
  </si>
  <si>
    <t>Ingresos de operación:</t>
  </si>
  <si>
    <t>Intereses de préstamos</t>
  </si>
  <si>
    <t>Comisiones y otros ingresos de préstamos</t>
  </si>
  <si>
    <t>Intereses y otros ingresos de inversiones</t>
  </si>
  <si>
    <t xml:space="preserve">Reportos y operaciones bursátiles </t>
  </si>
  <si>
    <t>Intereses sobre depósitos</t>
  </si>
  <si>
    <t>Operaciones en moneda extranjera</t>
  </si>
  <si>
    <t>Primas netas de devoluciones y cancelaciones</t>
  </si>
  <si>
    <t>Ingresos técnicos por ajustes a las reservas</t>
  </si>
  <si>
    <t>Otros servicios y contingencias</t>
  </si>
  <si>
    <t>Total ingresos de operación</t>
  </si>
  <si>
    <t>Menos: Costos de operación:</t>
  </si>
  <si>
    <t>Intereses y otros costos de depósitos</t>
  </si>
  <si>
    <t>Intereses sobre préstamos</t>
  </si>
  <si>
    <t>Intereses sobre emisión de obligaciones</t>
  </si>
  <si>
    <t>Pérdida en venta de títulos valores</t>
  </si>
  <si>
    <t xml:space="preserve">Siniestros y obligaciones contractuales </t>
  </si>
  <si>
    <t xml:space="preserve">Gastos por adquisición y conservación </t>
  </si>
  <si>
    <t>Reservas de saneamiento</t>
  </si>
  <si>
    <t>Utilidad antes de gastos</t>
  </si>
  <si>
    <t>Gastos de operación</t>
  </si>
  <si>
    <t>De funcionarios y empleados</t>
  </si>
  <si>
    <t>Generales</t>
  </si>
  <si>
    <t>Depreciaciones y amortizaciones</t>
  </si>
  <si>
    <t xml:space="preserve">Utilidad de operación </t>
  </si>
  <si>
    <t>Dividendos</t>
  </si>
  <si>
    <t>Otros ingresos y gastos (neto)</t>
  </si>
  <si>
    <t>Utilidad antes de impuestos</t>
  </si>
  <si>
    <t>Impuesto sobre la renta</t>
  </si>
  <si>
    <t>Contribución especial para la seguridad ciudadana y convivencia</t>
  </si>
  <si>
    <t>Utilidad antes del interés minoritario</t>
  </si>
  <si>
    <t>Participación del interés minoritario en subsidiarias</t>
  </si>
  <si>
    <t>Utilidad ne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43" formatCode="_(* #,##0.00_);_(* \(#,##0.00\);_(* &quot;-&quot;??_);_(@_)"/>
    <numFmt numFmtId="164" formatCode="#,##0;[Red]#,##0"/>
    <numFmt numFmtId="165" formatCode="_(* #,##0.0_);_(* \(#,##0.0\);_(* &quot;-&quot;??_);_(@_)"/>
    <numFmt numFmtId="166" formatCode="#,##0.0"/>
    <numFmt numFmtId="167" formatCode="#,##0.0;[Red]#,##0.0"/>
    <numFmt numFmtId="168" formatCode="#,##0.0_);\(#,##0.0\)"/>
  </numFmts>
  <fonts count="12">
    <font>
      <sz val="10"/>
      <name val="Arial"/>
    </font>
    <font>
      <sz val="10"/>
      <name val="Geneva"/>
      <family val="2"/>
    </font>
    <font>
      <b/>
      <sz val="11"/>
      <name val="Arial"/>
      <family val="2"/>
    </font>
    <font>
      <sz val="11"/>
      <name val="Arial"/>
      <family val="2"/>
    </font>
    <font>
      <b/>
      <u/>
      <sz val="11"/>
      <name val="Arial"/>
      <family val="2"/>
    </font>
    <font>
      <sz val="10"/>
      <name val="Arial"/>
    </font>
    <font>
      <b/>
      <sz val="11"/>
      <color indexed="8"/>
      <name val="Arial"/>
      <family val="2"/>
    </font>
    <font>
      <sz val="11"/>
      <color indexed="8"/>
      <name val="Arial"/>
      <family val="2"/>
    </font>
    <font>
      <i/>
      <sz val="11"/>
      <name val="Arial"/>
      <family val="2"/>
    </font>
    <font>
      <u/>
      <sz val="11"/>
      <name val="Arial"/>
      <family val="2"/>
    </font>
    <font>
      <sz val="10"/>
      <name val="Arial"/>
      <family val="2"/>
    </font>
    <font>
      <sz val="8"/>
      <name val="Helv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/>
      <right/>
      <top style="thick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3">
    <xf numFmtId="0" fontId="0" fillId="0" borderId="0"/>
    <xf numFmtId="43" fontId="5" fillId="0" borderId="0" applyFont="0" applyFill="0" applyBorder="0" applyAlignment="0" applyProtection="0"/>
    <xf numFmtId="0" fontId="1" fillId="0" borderId="0"/>
  </cellStyleXfs>
  <cellXfs count="79">
    <xf numFmtId="0" fontId="0" fillId="0" borderId="0" xfId="0"/>
    <xf numFmtId="0" fontId="2" fillId="0" borderId="0" xfId="2" applyFont="1" applyFill="1" applyAlignment="1">
      <alignment horizontal="centerContinuous"/>
    </xf>
    <xf numFmtId="0" fontId="3" fillId="0" borderId="0" xfId="2" applyFont="1" applyFill="1"/>
    <xf numFmtId="0" fontId="2" fillId="0" borderId="0" xfId="2" applyFont="1" applyFill="1"/>
    <xf numFmtId="0" fontId="3" fillId="0" borderId="0" xfId="2" applyFont="1" applyFill="1" applyBorder="1"/>
    <xf numFmtId="164" fontId="3" fillId="0" borderId="0" xfId="2" applyNumberFormat="1" applyFont="1" applyFill="1" applyBorder="1"/>
    <xf numFmtId="0" fontId="2" fillId="0" borderId="0" xfId="2" applyFont="1" applyFill="1" applyAlignment="1">
      <alignment horizontal="centerContinuous" wrapText="1"/>
    </xf>
    <xf numFmtId="0" fontId="3" fillId="0" borderId="0" xfId="2" applyFont="1" applyFill="1" applyAlignment="1">
      <alignment horizontal="centerContinuous"/>
    </xf>
    <xf numFmtId="0" fontId="3" fillId="0" borderId="0" xfId="2" applyFont="1" applyFill="1" applyAlignment="1">
      <alignment horizontal="center"/>
    </xf>
    <xf numFmtId="164" fontId="3" fillId="0" borderId="0" xfId="2" applyNumberFormat="1" applyFont="1" applyFill="1"/>
    <xf numFmtId="0" fontId="3" fillId="0" borderId="1" xfId="2" applyFont="1" applyFill="1" applyBorder="1"/>
    <xf numFmtId="0" fontId="3" fillId="0" borderId="1" xfId="2" applyFont="1" applyFill="1" applyBorder="1" applyAlignment="1">
      <alignment horizontal="center"/>
    </xf>
    <xf numFmtId="164" fontId="3" fillId="0" borderId="1" xfId="2" applyNumberFormat="1" applyFont="1" applyFill="1" applyBorder="1"/>
    <xf numFmtId="0" fontId="4" fillId="0" borderId="0" xfId="2" applyFont="1" applyFill="1"/>
    <xf numFmtId="0" fontId="4" fillId="0" borderId="0" xfId="2" applyFont="1" applyFill="1" applyAlignment="1">
      <alignment horizontal="center"/>
    </xf>
    <xf numFmtId="0" fontId="4" fillId="0" borderId="0" xfId="2" applyNumberFormat="1" applyFont="1" applyFill="1" applyBorder="1" applyAlignment="1">
      <alignment horizontal="center"/>
    </xf>
    <xf numFmtId="164" fontId="4" fillId="0" borderId="0" xfId="2" applyNumberFormat="1" applyFont="1" applyFill="1" applyAlignment="1">
      <alignment horizontal="center"/>
    </xf>
    <xf numFmtId="164" fontId="4" fillId="0" borderId="0" xfId="2" applyNumberFormat="1" applyFont="1" applyFill="1" applyBorder="1" applyAlignment="1">
      <alignment horizontal="center"/>
    </xf>
    <xf numFmtId="165" fontId="3" fillId="0" borderId="0" xfId="1" applyNumberFormat="1" applyFont="1" applyAlignment="1">
      <alignment horizontal="right" vertical="top" wrapText="1"/>
    </xf>
    <xf numFmtId="0" fontId="6" fillId="0" borderId="0" xfId="0" applyFont="1" applyAlignment="1">
      <alignment horizontal="justify" vertical="top" wrapText="1"/>
    </xf>
    <xf numFmtId="0" fontId="3" fillId="0" borderId="0" xfId="2" applyFont="1" applyFill="1" applyAlignment="1">
      <alignment horizontal="left"/>
    </xf>
    <xf numFmtId="0" fontId="7" fillId="0" borderId="0" xfId="0" applyFont="1" applyAlignment="1">
      <alignment horizontal="justify" vertical="top" wrapText="1"/>
    </xf>
    <xf numFmtId="166" fontId="3" fillId="0" borderId="2" xfId="0" applyNumberFormat="1" applyFont="1" applyBorder="1" applyAlignment="1">
      <alignment horizontal="right" vertical="top" wrapText="1"/>
    </xf>
    <xf numFmtId="166" fontId="3" fillId="0" borderId="0" xfId="2" applyNumberFormat="1" applyFont="1" applyFill="1"/>
    <xf numFmtId="166" fontId="3" fillId="0" borderId="0" xfId="0" applyNumberFormat="1" applyFont="1" applyAlignment="1">
      <alignment horizontal="right" vertical="top" wrapText="1"/>
    </xf>
    <xf numFmtId="166" fontId="3" fillId="0" borderId="3" xfId="0" applyNumberFormat="1" applyFont="1" applyBorder="1" applyAlignment="1">
      <alignment horizontal="right" vertical="top" wrapText="1"/>
    </xf>
    <xf numFmtId="0" fontId="6" fillId="0" borderId="0" xfId="0" applyFont="1" applyAlignment="1">
      <alignment horizontal="left" vertical="top"/>
    </xf>
    <xf numFmtId="166" fontId="3" fillId="0" borderId="0" xfId="0" applyNumberFormat="1" applyFont="1" applyBorder="1" applyAlignment="1">
      <alignment horizontal="right" vertical="top" wrapText="1"/>
    </xf>
    <xf numFmtId="166" fontId="3" fillId="0" borderId="4" xfId="0" applyNumberFormat="1" applyFont="1" applyBorder="1" applyAlignment="1">
      <alignment horizontal="right" vertical="top" wrapText="1"/>
    </xf>
    <xf numFmtId="0" fontId="7" fillId="0" borderId="0" xfId="0" applyFont="1" applyAlignment="1">
      <alignment horizontal="left"/>
    </xf>
    <xf numFmtId="165" fontId="3" fillId="0" borderId="0" xfId="1" applyNumberFormat="1" applyFont="1" applyFill="1" applyAlignment="1">
      <alignment horizontal="right" vertical="top" wrapText="1"/>
    </xf>
    <xf numFmtId="165" fontId="3" fillId="0" borderId="3" xfId="1" applyNumberFormat="1" applyFont="1" applyFill="1" applyBorder="1" applyAlignment="1">
      <alignment horizontal="right" vertical="top" wrapText="1"/>
    </xf>
    <xf numFmtId="166" fontId="3" fillId="0" borderId="2" xfId="0" applyNumberFormat="1" applyFont="1" applyFill="1" applyBorder="1" applyAlignment="1">
      <alignment horizontal="right" vertical="top" wrapText="1"/>
    </xf>
    <xf numFmtId="0" fontId="6" fillId="0" borderId="0" xfId="0" applyFont="1" applyAlignment="1">
      <alignment horizontal="left"/>
    </xf>
    <xf numFmtId="166" fontId="3" fillId="0" borderId="0" xfId="0" applyNumberFormat="1" applyFont="1" applyFill="1" applyAlignment="1">
      <alignment horizontal="right" vertical="top" wrapText="1"/>
    </xf>
    <xf numFmtId="166" fontId="3" fillId="0" borderId="5" xfId="0" applyNumberFormat="1" applyFont="1" applyBorder="1" applyAlignment="1">
      <alignment horizontal="right" vertical="top" wrapText="1"/>
    </xf>
    <xf numFmtId="166" fontId="3" fillId="0" borderId="0" xfId="2" applyNumberFormat="1" applyFont="1" applyFill="1" applyBorder="1"/>
    <xf numFmtId="166" fontId="3" fillId="0" borderId="6" xfId="0" applyNumberFormat="1" applyFont="1" applyBorder="1" applyAlignment="1">
      <alignment horizontal="right" vertical="top" wrapText="1"/>
    </xf>
    <xf numFmtId="0" fontId="8" fillId="0" borderId="0" xfId="2" applyFont="1" applyFill="1"/>
    <xf numFmtId="0" fontId="3" fillId="0" borderId="0" xfId="2" applyNumberFormat="1" applyFont="1" applyFill="1" applyAlignment="1">
      <alignment horizontal="right"/>
    </xf>
    <xf numFmtId="0" fontId="3" fillId="0" borderId="0" xfId="2" applyNumberFormat="1" applyFont="1" applyFill="1" applyAlignment="1">
      <alignment horizontal="center"/>
    </xf>
    <xf numFmtId="0" fontId="3" fillId="0" borderId="0" xfId="2" applyFont="1" applyFill="1" applyAlignment="1"/>
    <xf numFmtId="164" fontId="3" fillId="0" borderId="0" xfId="2" applyNumberFormat="1" applyFont="1" applyFill="1" applyAlignment="1">
      <alignment horizontal="centerContinuous"/>
    </xf>
    <xf numFmtId="3" fontId="3" fillId="0" borderId="0" xfId="2" applyNumberFormat="1" applyFont="1" applyFill="1" applyAlignment="1">
      <alignment horizontal="right"/>
    </xf>
    <xf numFmtId="3" fontId="3" fillId="0" borderId="0" xfId="2" applyNumberFormat="1" applyFont="1" applyFill="1"/>
    <xf numFmtId="0" fontId="3" fillId="0" borderId="1" xfId="2" applyFont="1" applyFill="1" applyBorder="1" applyAlignment="1">
      <alignment horizontal="left"/>
    </xf>
    <xf numFmtId="3" fontId="3" fillId="0" borderId="1" xfId="2" applyNumberFormat="1" applyFont="1" applyFill="1" applyBorder="1" applyAlignment="1">
      <alignment horizontal="right"/>
    </xf>
    <xf numFmtId="3" fontId="3" fillId="0" borderId="1" xfId="2" applyNumberFormat="1" applyFont="1" applyFill="1" applyBorder="1"/>
    <xf numFmtId="0" fontId="4" fillId="0" borderId="0" xfId="2" applyNumberFormat="1" applyFont="1" applyFill="1" applyAlignment="1">
      <alignment horizontal="center"/>
    </xf>
    <xf numFmtId="0" fontId="2" fillId="0" borderId="0" xfId="2" applyFont="1" applyFill="1" applyBorder="1"/>
    <xf numFmtId="0" fontId="3" fillId="0" borderId="0" xfId="2" applyFont="1" applyFill="1" applyBorder="1" applyAlignment="1">
      <alignment horizontal="center"/>
    </xf>
    <xf numFmtId="3" fontId="2" fillId="0" borderId="0" xfId="2" applyNumberFormat="1" applyFont="1" applyFill="1" applyBorder="1" applyAlignment="1">
      <alignment horizontal="right"/>
    </xf>
    <xf numFmtId="3" fontId="3" fillId="0" borderId="0" xfId="2" applyNumberFormat="1" applyFont="1" applyFill="1" applyBorder="1"/>
    <xf numFmtId="167" fontId="3" fillId="0" borderId="0" xfId="0" applyNumberFormat="1" applyFont="1" applyAlignment="1">
      <alignment horizontal="right"/>
    </xf>
    <xf numFmtId="3" fontId="3" fillId="0" borderId="0" xfId="0" applyNumberFormat="1" applyFont="1" applyFill="1" applyBorder="1" applyAlignment="1">
      <alignment horizontal="right"/>
    </xf>
    <xf numFmtId="37" fontId="3" fillId="0" borderId="0" xfId="2" applyNumberFormat="1" applyFont="1" applyFill="1" applyBorder="1"/>
    <xf numFmtId="37" fontId="3" fillId="0" borderId="0" xfId="2" applyNumberFormat="1" applyFont="1" applyFill="1" applyBorder="1" applyAlignment="1">
      <alignment horizontal="center"/>
    </xf>
    <xf numFmtId="0" fontId="7" fillId="0" borderId="0" xfId="0" applyFont="1" applyFill="1" applyAlignment="1">
      <alignment horizontal="left" vertical="top"/>
    </xf>
    <xf numFmtId="0" fontId="7" fillId="0" borderId="0" xfId="0" applyFont="1" applyAlignment="1">
      <alignment horizontal="left" vertical="top"/>
    </xf>
    <xf numFmtId="37" fontId="2" fillId="0" borderId="0" xfId="2" applyNumberFormat="1" applyFont="1" applyFill="1" applyBorder="1"/>
    <xf numFmtId="167" fontId="3" fillId="0" borderId="3" xfId="0" applyNumberFormat="1" applyFont="1" applyBorder="1" applyAlignment="1">
      <alignment horizontal="right"/>
    </xf>
    <xf numFmtId="37" fontId="3" fillId="0" borderId="0" xfId="2" applyNumberFormat="1" applyFont="1" applyFill="1" applyBorder="1" applyAlignment="1">
      <alignment horizontal="left"/>
    </xf>
    <xf numFmtId="37" fontId="3" fillId="0" borderId="0" xfId="2" quotePrefix="1" applyNumberFormat="1" applyFont="1" applyFill="1" applyBorder="1" applyAlignment="1">
      <alignment horizontal="left"/>
    </xf>
    <xf numFmtId="167" fontId="3" fillId="0" borderId="3" xfId="0" applyNumberFormat="1" applyFont="1" applyFill="1" applyBorder="1" applyAlignment="1">
      <alignment horizontal="right"/>
    </xf>
    <xf numFmtId="167" fontId="3" fillId="0" borderId="0" xfId="2" applyNumberFormat="1" applyFont="1" applyFill="1"/>
    <xf numFmtId="167" fontId="3" fillId="0" borderId="2" xfId="0" applyNumberFormat="1" applyFont="1" applyBorder="1" applyAlignment="1">
      <alignment horizontal="right"/>
    </xf>
    <xf numFmtId="167" fontId="9" fillId="0" borderId="0" xfId="0" applyNumberFormat="1" applyFont="1" applyAlignment="1">
      <alignment horizontal="right"/>
    </xf>
    <xf numFmtId="167" fontId="3" fillId="0" borderId="0" xfId="0" applyNumberFormat="1" applyFont="1" applyFill="1" applyAlignment="1">
      <alignment horizontal="right"/>
    </xf>
    <xf numFmtId="0" fontId="7" fillId="0" borderId="0" xfId="0" applyFont="1" applyFill="1" applyAlignment="1">
      <alignment horizontal="left"/>
    </xf>
    <xf numFmtId="0" fontId="7" fillId="0" borderId="0" xfId="0" applyFont="1" applyFill="1" applyAlignment="1">
      <alignment horizontal="justify" vertical="top" wrapText="1"/>
    </xf>
    <xf numFmtId="168" fontId="3" fillId="0" borderId="0" xfId="0" applyNumberFormat="1" applyFont="1" applyAlignment="1">
      <alignment horizontal="right"/>
    </xf>
    <xf numFmtId="168" fontId="3" fillId="0" borderId="0" xfId="0" applyNumberFormat="1" applyFont="1" applyBorder="1" applyAlignment="1">
      <alignment horizontal="right"/>
    </xf>
    <xf numFmtId="168" fontId="3" fillId="0" borderId="3" xfId="0" applyNumberFormat="1" applyFont="1" applyBorder="1" applyAlignment="1">
      <alignment horizontal="right"/>
    </xf>
    <xf numFmtId="167" fontId="3" fillId="0" borderId="6" xfId="0" applyNumberFormat="1" applyFont="1" applyBorder="1" applyAlignment="1">
      <alignment horizontal="right"/>
    </xf>
    <xf numFmtId="4" fontId="3" fillId="0" borderId="0" xfId="2" applyNumberFormat="1" applyFont="1" applyFill="1" applyBorder="1" applyAlignment="1">
      <alignment horizontal="right"/>
    </xf>
    <xf numFmtId="3" fontId="3" fillId="0" borderId="0" xfId="2" applyNumberFormat="1" applyFont="1" applyFill="1" applyBorder="1" applyAlignment="1">
      <alignment horizontal="right"/>
    </xf>
    <xf numFmtId="0" fontId="10" fillId="0" borderId="0" xfId="0" applyFont="1"/>
    <xf numFmtId="0" fontId="11" fillId="0" borderId="0" xfId="2" applyFont="1" applyFill="1"/>
    <xf numFmtId="37" fontId="11" fillId="0" borderId="0" xfId="2" applyNumberFormat="1" applyFont="1" applyFill="1"/>
  </cellXfs>
  <cellStyles count="3">
    <cellStyle name="Comma" xfId="1" builtinId="3"/>
    <cellStyle name="Normal" xfId="0" builtinId="0"/>
    <cellStyle name="Normal_Bal, Utl, Fluj y anex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64</xdr:row>
      <xdr:rowOff>0</xdr:rowOff>
    </xdr:from>
    <xdr:to>
      <xdr:col>7</xdr:col>
      <xdr:colOff>746069</xdr:colOff>
      <xdr:row>64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0" y="10382250"/>
          <a:ext cx="1593794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Ing. Luis Tomás Ivandic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Presidente</a:t>
          </a:r>
        </a:p>
      </xdr:txBody>
    </xdr:sp>
    <xdr:clientData/>
  </xdr:twoCellAnchor>
  <xdr:twoCellAnchor>
    <xdr:from>
      <xdr:col>7</xdr:col>
      <xdr:colOff>1060450</xdr:colOff>
      <xdr:row>64</xdr:row>
      <xdr:rowOff>0</xdr:rowOff>
    </xdr:from>
    <xdr:to>
      <xdr:col>9</xdr:col>
      <xdr:colOff>0</xdr:colOff>
      <xdr:row>64</xdr:row>
      <xdr:rowOff>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1908175" y="10382250"/>
          <a:ext cx="287337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Dr. Pedro José Geoffroy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Gerente General</a:t>
          </a:r>
        </a:p>
      </xdr:txBody>
    </xdr:sp>
    <xdr:clientData/>
  </xdr:twoCellAnchor>
  <xdr:twoCellAnchor>
    <xdr:from>
      <xdr:col>9</xdr:col>
      <xdr:colOff>3175</xdr:colOff>
      <xdr:row>64</xdr:row>
      <xdr:rowOff>0</xdr:rowOff>
    </xdr:from>
    <xdr:to>
      <xdr:col>12</xdr:col>
      <xdr:colOff>0</xdr:colOff>
      <xdr:row>64</xdr:row>
      <xdr:rowOff>0</xdr:rowOff>
    </xdr:to>
    <xdr:sp macro="" textlink="">
      <xdr:nvSpPr>
        <xdr:cNvPr id="4" name="Text Box 3"/>
        <xdr:cNvSpPr txBox="1">
          <a:spLocks noChangeArrowheads="1"/>
        </xdr:cNvSpPr>
      </xdr:nvSpPr>
      <xdr:spPr bwMode="auto">
        <a:xfrm>
          <a:off x="4784725" y="10382250"/>
          <a:ext cx="167322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Lic. Guillermo de Jesús Rivas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Contador</a:t>
          </a:r>
        </a:p>
        <a:p>
          <a:pPr algn="ctr" rtl="0">
            <a:defRPr sz="1000"/>
          </a:pPr>
          <a:endParaRPr lang="en-US" sz="1100" b="0" i="0" u="none" strike="noStrike" baseline="0">
            <a:solidFill>
              <a:srgbClr val="000000"/>
            </a:solidFill>
            <a:latin typeface="Helvetica"/>
            <a:cs typeface="Helvetica"/>
          </a:endParaRP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Ing. Luis Tomás Ivandic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Presidente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3</xdr:row>
      <xdr:rowOff>0</xdr:rowOff>
    </xdr:from>
    <xdr:to>
      <xdr:col>7</xdr:col>
      <xdr:colOff>12710</xdr:colOff>
      <xdr:row>53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0" y="9458325"/>
          <a:ext cx="1793885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Ing. Luis Tomás Ivandic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Presidente</a:t>
          </a:r>
        </a:p>
      </xdr:txBody>
    </xdr:sp>
    <xdr:clientData/>
  </xdr:twoCellAnchor>
  <xdr:twoCellAnchor>
    <xdr:from>
      <xdr:col>7</xdr:col>
      <xdr:colOff>19050</xdr:colOff>
      <xdr:row>53</xdr:row>
      <xdr:rowOff>0</xdr:rowOff>
    </xdr:from>
    <xdr:to>
      <xdr:col>8</xdr:col>
      <xdr:colOff>14122</xdr:colOff>
      <xdr:row>53</xdr:row>
      <xdr:rowOff>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1800225" y="9458325"/>
          <a:ext cx="2871622" cy="0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Dr. Pedro José Geoffroy</a:t>
          </a:r>
        </a:p>
        <a:p>
          <a:pPr algn="ctr" rtl="0">
            <a:defRPr sz="1000"/>
          </a:pPr>
          <a:r>
            <a:rPr lang="en-US" sz="1100" b="0" i="0" u="none" strike="noStrike" baseline="0">
              <a:solidFill>
                <a:srgbClr val="000000"/>
              </a:solidFill>
              <a:latin typeface="Helvetica"/>
              <a:cs typeface="Helvetica"/>
            </a:rPr>
            <a:t>Gerente General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6574529\Desktop\IFSES%20HOJA%20DE%20TRABAJO%20OCT18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v717archsrvg\plani\Documents%20and%20Settings\jacanal\Desktop\MTB\SERVICREDIT\ENERO%202006\RECIBIDOS\ESTADO%20DE%20RESULTADO%20CCS%20agosto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v717archsrvg\plani\Documents%20and%20Settings\jacanal\Desktop\MTB\SERVICREDIT\ENERO%202006\RECIBIDOS\Estado%20de%20resultados%20octubre%20%202005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BVS"/>
      <sheetName val="Est.Res. BVS"/>
      <sheetName val="Balance"/>
      <sheetName val="Est.Res."/>
      <sheetName val="BG"/>
      <sheetName val="ER"/>
      <sheetName val="Elim_BG"/>
      <sheetName val="Elim_ER"/>
      <sheetName val="Scoecata OCT18"/>
      <sheetName val="EF SSG OCT18"/>
      <sheetName val="Balance SES"/>
      <sheetName val="Est.Res. SES"/>
      <sheetName val="catalogo IFS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sual"/>
      <sheetName val="Ago_Acum"/>
    </sheetNames>
    <sheetDataSet>
      <sheetData sheetId="0" refreshError="1"/>
      <sheetData sheetId="1" refreshError="1">
        <row r="2">
          <cell r="B2" t="str">
            <v>CORPORACION DE CREDITO Y SERVICIOS</v>
          </cell>
        </row>
        <row r="3">
          <cell r="B3" t="str">
            <v>ESTADO DE RESULTADOS</v>
          </cell>
        </row>
        <row r="4">
          <cell r="B4" t="str">
            <v>DEL 01/01/05 AL 31/08/05</v>
          </cell>
        </row>
        <row r="5">
          <cell r="B5" t="str">
            <v>(U.S. DOLARES)</v>
          </cell>
        </row>
        <row r="9">
          <cell r="B9" t="str">
            <v>PRODUCTOS DE OPERACION</v>
          </cell>
          <cell r="F9">
            <v>2438627.54</v>
          </cell>
        </row>
        <row r="10">
          <cell r="B10" t="str">
            <v>FINANCIAMIENTO TARJETA HABIENTES</v>
          </cell>
          <cell r="D10">
            <v>1775556.14</v>
          </cell>
        </row>
        <row r="11">
          <cell r="B11" t="str">
            <v>FINANCIAMIENTO DOCUMENTOS A PLAZOS</v>
          </cell>
          <cell r="D11">
            <v>437766.46</v>
          </cell>
        </row>
        <row r="12">
          <cell r="B12" t="str">
            <v>COMISION ADMINISTRACION DE CARTERAS</v>
          </cell>
          <cell r="D12">
            <v>172108.05</v>
          </cell>
        </row>
        <row r="13">
          <cell r="B13" t="str">
            <v>CARGOS POR MANEJO DE CUENTAS</v>
          </cell>
          <cell r="D13">
            <v>22672.77</v>
          </cell>
        </row>
        <row r="14">
          <cell r="B14" t="str">
            <v>INTERESES POR DEPOSITOS</v>
          </cell>
          <cell r="D14">
            <v>1970.85</v>
          </cell>
        </row>
        <row r="15">
          <cell r="B15" t="str">
            <v>OTROS PRODUCTOS</v>
          </cell>
          <cell r="D15">
            <v>28553.27</v>
          </cell>
        </row>
        <row r="20">
          <cell r="B20" t="str">
            <v>COSTOS Y GASTOS DE OPERACION</v>
          </cell>
          <cell r="F20">
            <v>2394175.9699999997</v>
          </cell>
        </row>
        <row r="21">
          <cell r="B21" t="str">
            <v>GASTOS</v>
          </cell>
          <cell r="D21">
            <v>1744870.47</v>
          </cell>
        </row>
        <row r="22">
          <cell r="B22" t="str">
            <v>GASTOS FINANCIEROS</v>
          </cell>
          <cell r="D22">
            <v>649305.5</v>
          </cell>
        </row>
        <row r="28">
          <cell r="B28" t="str">
            <v>RESERVA LEGAL 10%</v>
          </cell>
        </row>
        <row r="30">
          <cell r="B30" t="str">
            <v>UTILIDAD DESPUES DE RESERVA</v>
          </cell>
        </row>
        <row r="32">
          <cell r="B32" t="str">
            <v>IMPUESTO SOBRE LA RENTA 25%</v>
          </cell>
        </row>
        <row r="36">
          <cell r="B36" t="str">
            <v>UTILIDAD DEL EJERCICIO (A.I.R.)</v>
          </cell>
          <cell r="F36">
            <v>44451.570000000298</v>
          </cell>
        </row>
        <row r="42">
          <cell r="A42" t="str">
            <v>JUAN PABLO MEZA</v>
          </cell>
          <cell r="C42" t="str">
            <v>GUILLERMO ANTONIO CARIAS G.</v>
          </cell>
          <cell r="E42" t="str">
            <v>IVAN MANUEL JEREZ</v>
          </cell>
          <cell r="G42" t="str">
            <v>LOPEZ SALGADO Y CIA.</v>
          </cell>
        </row>
        <row r="43">
          <cell r="A43" t="str">
            <v>APODERADO GENERAL</v>
          </cell>
          <cell r="C43" t="str">
            <v>GERENTE DE ADMINISTRATIVO</v>
          </cell>
          <cell r="E43" t="str">
            <v>CONTADOR</v>
          </cell>
          <cell r="G43" t="str">
            <v>AUDITOR EXTERNO</v>
          </cell>
        </row>
        <row r="44">
          <cell r="A44" t="str">
            <v>ADMINISTRATIVO</v>
          </cell>
          <cell r="C44" t="str">
            <v>Y FINANCIERO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sual"/>
      <sheetName val="Acumulado"/>
    </sheetNames>
    <sheetDataSet>
      <sheetData sheetId="0" refreshError="1"/>
      <sheetData sheetId="1" refreshError="1">
        <row r="2">
          <cell r="B2" t="str">
            <v>CORPORACION DE CREDITO Y SERVICIOS</v>
          </cell>
        </row>
        <row r="3">
          <cell r="B3" t="str">
            <v>ESTADO DE RESULTADOS</v>
          </cell>
        </row>
        <row r="4">
          <cell r="B4" t="str">
            <v>DEL 01/01/05 AL 31/10/05</v>
          </cell>
        </row>
        <row r="5">
          <cell r="B5" t="str">
            <v>(U.S. DOLARES)</v>
          </cell>
        </row>
        <row r="9">
          <cell r="B9" t="str">
            <v>PRODUCTOS DE OPERACION</v>
          </cell>
          <cell r="F9">
            <v>3041706.9699999997</v>
          </cell>
        </row>
        <row r="10">
          <cell r="B10" t="str">
            <v>FINANCIAMIENTO TARJETA HABIENTES</v>
          </cell>
          <cell r="D10">
            <v>2242621.4399999999</v>
          </cell>
        </row>
        <row r="11">
          <cell r="B11" t="str">
            <v>FINANCIAMIENTO DOCUMENTOS A PLAZOS</v>
          </cell>
          <cell r="D11">
            <v>520498.58</v>
          </cell>
        </row>
        <row r="12">
          <cell r="B12" t="str">
            <v>COMISION ADMINISTRACION DE CARTERAS</v>
          </cell>
          <cell r="D12">
            <v>216934.65</v>
          </cell>
        </row>
        <row r="13">
          <cell r="B13" t="str">
            <v>CARGOS POR MANEJO DE CUENTAS</v>
          </cell>
          <cell r="D13">
            <v>28303.19</v>
          </cell>
        </row>
        <row r="14">
          <cell r="B14" t="str">
            <v>INTERESES POR DEPOSITOS</v>
          </cell>
          <cell r="D14">
            <v>2626.31</v>
          </cell>
        </row>
        <row r="15">
          <cell r="B15" t="str">
            <v>OTROS PRODUCTOS</v>
          </cell>
          <cell r="D15">
            <v>30722.799999999999</v>
          </cell>
        </row>
        <row r="20">
          <cell r="B20" t="str">
            <v>COSTOS Y GASTOS DE OPERACION</v>
          </cell>
          <cell r="F20">
            <v>2967585.34</v>
          </cell>
        </row>
        <row r="21">
          <cell r="B21" t="str">
            <v>GASTOS</v>
          </cell>
          <cell r="D21">
            <v>2166317.87</v>
          </cell>
        </row>
        <row r="22">
          <cell r="B22" t="str">
            <v>GASTOS FINANCIEROS</v>
          </cell>
          <cell r="D22">
            <v>801267.47</v>
          </cell>
        </row>
        <row r="28">
          <cell r="B28" t="str">
            <v>RESERVA LEGAL 10%</v>
          </cell>
        </row>
        <row r="30">
          <cell r="B30" t="str">
            <v>UTILIDAD DESPUES DE RESERVA</v>
          </cell>
        </row>
        <row r="32">
          <cell r="B32" t="str">
            <v>IMPUESTO SOBRE LA RENTA 25%</v>
          </cell>
        </row>
        <row r="36">
          <cell r="B36" t="str">
            <v>UTILIDAD DEL EJERCICIO (A.I.R.)</v>
          </cell>
          <cell r="F36">
            <v>74121.629999999888</v>
          </cell>
        </row>
        <row r="42">
          <cell r="A42" t="str">
            <v>JUAN PABLO MEZA</v>
          </cell>
          <cell r="C42" t="str">
            <v>GUILLERMO ANTONIO CARIAS G.</v>
          </cell>
          <cell r="E42" t="str">
            <v>IVAN MANUEL JEREZ</v>
          </cell>
          <cell r="G42" t="str">
            <v>LOPEZ SALGADO Y CIA.</v>
          </cell>
        </row>
        <row r="43">
          <cell r="A43" t="str">
            <v>APODERADO GENERAL</v>
          </cell>
          <cell r="C43" t="str">
            <v>GERENTE DE ADMINISTRATIVO</v>
          </cell>
          <cell r="E43" t="str">
            <v>CONTADOR</v>
          </cell>
          <cell r="G43" t="str">
            <v>AUDITOR EXTERNO</v>
          </cell>
        </row>
        <row r="44">
          <cell r="A44" t="str">
            <v>ADMINISTRATIVO</v>
          </cell>
          <cell r="C44" t="str">
            <v>Y FINANCIERO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71"/>
  <sheetViews>
    <sheetView showGridLines="0" tabSelected="1" zoomScaleNormal="100" workbookViewId="0">
      <selection activeCell="H18" sqref="H18"/>
    </sheetView>
  </sheetViews>
  <sheetFormatPr defaultColWidth="10.7109375" defaultRowHeight="12.75" customHeight="1"/>
  <cols>
    <col min="1" max="1" width="2.85546875" style="2" customWidth="1"/>
    <col min="2" max="2" width="1.5703125" style="2" customWidth="1"/>
    <col min="3" max="3" width="2" style="2" customWidth="1"/>
    <col min="4" max="4" width="1.7109375" style="2" customWidth="1"/>
    <col min="5" max="5" width="1.42578125" style="2" customWidth="1"/>
    <col min="6" max="6" width="1.7109375" style="2" customWidth="1"/>
    <col min="7" max="7" width="1.42578125" style="2" customWidth="1"/>
    <col min="8" max="8" width="57.85546875" style="2" customWidth="1"/>
    <col min="9" max="9" width="1.140625" style="2" customWidth="1"/>
    <col min="10" max="10" width="6.28515625" style="8" customWidth="1"/>
    <col min="11" max="11" width="14.42578125" style="9" customWidth="1"/>
    <col min="12" max="12" width="4.42578125" style="9" customWidth="1"/>
    <col min="13" max="13" width="10.7109375" style="2" customWidth="1"/>
    <col min="14" max="14" width="23.7109375" style="2" customWidth="1"/>
    <col min="15" max="16384" width="10.7109375" style="2"/>
  </cols>
  <sheetData>
    <row r="1" spans="1:26" ht="19.5" customHeight="1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N1" s="3"/>
      <c r="P1" s="3"/>
      <c r="R1" s="4"/>
      <c r="S1" s="4"/>
      <c r="T1" s="5"/>
      <c r="U1" s="4"/>
      <c r="V1" s="4"/>
      <c r="W1" s="4"/>
      <c r="X1" s="4"/>
      <c r="Y1" s="4"/>
      <c r="Z1" s="4"/>
    </row>
    <row r="2" spans="1:26" ht="13.5" customHeight="1">
      <c r="A2" s="1" t="s">
        <v>1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3"/>
      <c r="P2" s="3"/>
      <c r="R2" s="4"/>
      <c r="S2" s="4"/>
      <c r="T2" s="5"/>
      <c r="U2" s="4"/>
      <c r="V2" s="4"/>
      <c r="W2" s="4"/>
      <c r="X2" s="4"/>
      <c r="Y2" s="4"/>
      <c r="Z2" s="4"/>
    </row>
    <row r="3" spans="1:26" ht="15">
      <c r="A3" s="1" t="s">
        <v>2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N3" s="3"/>
      <c r="P3" s="3"/>
      <c r="R3" s="4"/>
      <c r="S3" s="4"/>
      <c r="T3" s="5"/>
      <c r="U3" s="4"/>
      <c r="V3" s="4"/>
      <c r="W3" s="4"/>
      <c r="X3" s="4"/>
      <c r="Y3" s="4"/>
      <c r="Z3" s="4"/>
    </row>
    <row r="4" spans="1:26" ht="30">
      <c r="A4" s="6" t="s">
        <v>3</v>
      </c>
      <c r="B4" s="1"/>
      <c r="C4" s="1"/>
      <c r="D4" s="1"/>
      <c r="E4" s="1"/>
      <c r="F4" s="1"/>
      <c r="G4" s="1"/>
      <c r="H4" s="1"/>
      <c r="I4" s="1"/>
      <c r="J4" s="1"/>
      <c r="K4" s="1"/>
      <c r="L4" s="1"/>
    </row>
    <row r="5" spans="1:26" ht="14.25">
      <c r="A5" s="7" t="s">
        <v>4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26" ht="12.75" customHeight="1" thickBot="1"/>
    <row r="7" spans="1:26" ht="12.75" customHeight="1" thickTop="1">
      <c r="A7" s="10"/>
      <c r="B7" s="10"/>
      <c r="C7" s="10"/>
      <c r="D7" s="10"/>
      <c r="E7" s="10"/>
      <c r="F7" s="10"/>
      <c r="G7" s="10"/>
      <c r="H7" s="10"/>
      <c r="I7" s="10"/>
      <c r="J7" s="11"/>
      <c r="K7" s="12"/>
      <c r="L7" s="12"/>
    </row>
    <row r="8" spans="1:26" ht="12.75" customHeight="1">
      <c r="A8" s="13" t="s">
        <v>5</v>
      </c>
      <c r="J8" s="14"/>
      <c r="K8" s="15">
        <v>2018</v>
      </c>
      <c r="L8" s="16"/>
    </row>
    <row r="9" spans="1:26" ht="12.75" customHeight="1">
      <c r="A9" s="13"/>
      <c r="J9" s="14"/>
      <c r="K9" s="17"/>
      <c r="L9" s="16"/>
    </row>
    <row r="10" spans="1:26" ht="12.75" customHeight="1">
      <c r="A10" s="3" t="s">
        <v>6</v>
      </c>
      <c r="H10" s="13"/>
      <c r="I10" s="13"/>
      <c r="J10" s="14"/>
    </row>
    <row r="11" spans="1:26" ht="15">
      <c r="B11" s="2" t="s">
        <v>7</v>
      </c>
      <c r="K11" s="18">
        <v>385885.8</v>
      </c>
      <c r="L11" s="5"/>
      <c r="N11" s="19"/>
    </row>
    <row r="12" spans="1:26" ht="15" hidden="1">
      <c r="B12" s="20" t="s">
        <v>8</v>
      </c>
      <c r="K12" s="18">
        <v>0</v>
      </c>
      <c r="L12" s="5"/>
      <c r="N12" s="19"/>
    </row>
    <row r="13" spans="1:26" ht="14.25">
      <c r="B13" s="20" t="s">
        <v>9</v>
      </c>
      <c r="K13" s="18">
        <v>89964.5</v>
      </c>
      <c r="L13" s="5"/>
      <c r="N13" s="21"/>
    </row>
    <row r="14" spans="1:26" ht="15.75" customHeight="1">
      <c r="B14" s="2" t="s">
        <v>10</v>
      </c>
      <c r="K14" s="18">
        <v>1417181.4</v>
      </c>
      <c r="L14" s="5"/>
      <c r="N14" s="21"/>
    </row>
    <row r="15" spans="1:26" ht="14.25" customHeight="1">
      <c r="B15" s="2" t="s">
        <v>11</v>
      </c>
      <c r="K15" s="18">
        <v>6541.9</v>
      </c>
      <c r="L15" s="5"/>
      <c r="N15" s="21"/>
    </row>
    <row r="16" spans="1:26" ht="12.75" customHeight="1">
      <c r="B16" s="2" t="s">
        <v>12</v>
      </c>
      <c r="K16" s="18">
        <v>3282.5</v>
      </c>
      <c r="L16" s="5"/>
      <c r="N16" s="21"/>
    </row>
    <row r="17" spans="1:14" ht="15">
      <c r="A17" s="3"/>
      <c r="K17" s="22">
        <v>1902856.0999999999</v>
      </c>
      <c r="L17" s="5"/>
      <c r="N17" s="21"/>
    </row>
    <row r="18" spans="1:14" ht="12.75" customHeight="1">
      <c r="K18" s="23"/>
      <c r="L18" s="5"/>
      <c r="N18" s="21"/>
    </row>
    <row r="19" spans="1:14" ht="12.75" customHeight="1">
      <c r="A19" s="3" t="s">
        <v>13</v>
      </c>
      <c r="K19" s="23"/>
      <c r="L19" s="5"/>
      <c r="N19" s="21" t="s">
        <v>14</v>
      </c>
    </row>
    <row r="20" spans="1:14" ht="12.75" customHeight="1">
      <c r="B20" s="2" t="s">
        <v>15</v>
      </c>
      <c r="K20" s="24">
        <v>3825.2</v>
      </c>
      <c r="L20" s="5"/>
      <c r="N20" s="19"/>
    </row>
    <row r="21" spans="1:14" ht="12.75" customHeight="1">
      <c r="B21" s="2" t="s">
        <v>16</v>
      </c>
      <c r="K21" s="24">
        <v>3805.3</v>
      </c>
      <c r="L21" s="5"/>
      <c r="N21" s="21" t="s">
        <v>17</v>
      </c>
    </row>
    <row r="22" spans="1:14" ht="12.75" customHeight="1">
      <c r="B22" s="2" t="s">
        <v>18</v>
      </c>
      <c r="K22" s="25">
        <v>31825.3</v>
      </c>
      <c r="L22" s="5"/>
      <c r="N22" s="21" t="s">
        <v>17</v>
      </c>
    </row>
    <row r="23" spans="1:14" ht="12.75" customHeight="1">
      <c r="K23" s="22">
        <v>39455.800000000003</v>
      </c>
      <c r="L23" s="5"/>
      <c r="N23" s="21"/>
    </row>
    <row r="24" spans="1:14" ht="12.75" customHeight="1">
      <c r="A24" s="3" t="s">
        <v>19</v>
      </c>
      <c r="K24" s="24"/>
      <c r="L24" s="5"/>
      <c r="N24" s="21"/>
    </row>
    <row r="25" spans="1:14" ht="12.75" customHeight="1">
      <c r="B25" s="2" t="s">
        <v>20</v>
      </c>
      <c r="K25" s="23"/>
      <c r="L25" s="5"/>
      <c r="N25" s="21"/>
    </row>
    <row r="26" spans="1:14" ht="12.75" customHeight="1">
      <c r="B26" s="2" t="s">
        <v>21</v>
      </c>
      <c r="K26" s="25">
        <v>38707.4</v>
      </c>
      <c r="L26" s="5"/>
      <c r="N26" s="21"/>
    </row>
    <row r="27" spans="1:14" ht="12.75" hidden="1" customHeight="1">
      <c r="K27" s="23"/>
      <c r="L27" s="5"/>
      <c r="N27" s="21"/>
    </row>
    <row r="28" spans="1:14" ht="12.75" hidden="1" customHeight="1">
      <c r="A28" s="26" t="s">
        <v>22</v>
      </c>
      <c r="K28" s="25">
        <v>0</v>
      </c>
      <c r="L28" s="5"/>
      <c r="N28" s="21"/>
    </row>
    <row r="29" spans="1:14" ht="12.75" hidden="1" customHeight="1">
      <c r="A29" s="26"/>
      <c r="K29" s="27"/>
      <c r="L29" s="5"/>
      <c r="N29" s="21"/>
    </row>
    <row r="30" spans="1:14" ht="18.75" customHeight="1" thickBot="1">
      <c r="A30" s="3" t="s">
        <v>23</v>
      </c>
      <c r="K30" s="28">
        <v>1981019.2999999998</v>
      </c>
      <c r="L30" s="5"/>
      <c r="N30" s="21" t="s">
        <v>17</v>
      </c>
    </row>
    <row r="31" spans="1:14" ht="12.75" customHeight="1" thickTop="1">
      <c r="A31" s="3"/>
      <c r="K31" s="23"/>
      <c r="L31" s="5"/>
      <c r="N31" s="21"/>
    </row>
    <row r="32" spans="1:14" ht="12.75" customHeight="1">
      <c r="A32" s="13" t="s">
        <v>24</v>
      </c>
      <c r="K32" s="23"/>
      <c r="L32" s="5"/>
      <c r="N32" s="19"/>
    </row>
    <row r="33" spans="1:14" ht="12.75" customHeight="1">
      <c r="A33" s="3" t="s">
        <v>25</v>
      </c>
      <c r="K33" s="23"/>
      <c r="L33" s="5"/>
      <c r="N33" s="19"/>
    </row>
    <row r="34" spans="1:14" ht="12.75" customHeight="1">
      <c r="A34" s="29" t="s">
        <v>26</v>
      </c>
      <c r="K34" s="18">
        <v>1313145.3999999999</v>
      </c>
      <c r="L34" s="5"/>
    </row>
    <row r="35" spans="1:14" ht="13.5" customHeight="1">
      <c r="A35" s="29" t="s">
        <v>27</v>
      </c>
      <c r="K35" s="30">
        <v>260</v>
      </c>
      <c r="L35" s="5"/>
      <c r="N35" s="21"/>
    </row>
    <row r="36" spans="1:14" ht="12.75" customHeight="1">
      <c r="A36" s="29" t="s">
        <v>28</v>
      </c>
      <c r="K36" s="30">
        <v>109561.4</v>
      </c>
      <c r="L36" s="5"/>
      <c r="N36" s="19"/>
    </row>
    <row r="37" spans="1:14" ht="12.75" customHeight="1">
      <c r="A37" s="29" t="s">
        <v>29</v>
      </c>
      <c r="K37" s="30">
        <v>70233.2</v>
      </c>
      <c r="L37" s="5"/>
      <c r="N37" s="19"/>
    </row>
    <row r="38" spans="1:14" ht="12.75" customHeight="1">
      <c r="A38" s="29" t="s">
        <v>30</v>
      </c>
      <c r="K38" s="30">
        <v>5041.5</v>
      </c>
      <c r="L38" s="5"/>
      <c r="N38" s="21"/>
    </row>
    <row r="39" spans="1:14" ht="12.75" customHeight="1">
      <c r="A39" s="20" t="s">
        <v>31</v>
      </c>
      <c r="K39" s="31">
        <v>5522.5</v>
      </c>
      <c r="L39" s="5"/>
      <c r="N39" s="21"/>
    </row>
    <row r="40" spans="1:14" ht="12.75" customHeight="1">
      <c r="K40" s="32">
        <v>1503763.9999999998</v>
      </c>
      <c r="L40" s="5"/>
      <c r="N40" s="21"/>
    </row>
    <row r="41" spans="1:14" ht="12.75" customHeight="1">
      <c r="A41" s="33" t="s">
        <v>32</v>
      </c>
      <c r="K41" s="34"/>
      <c r="L41" s="5"/>
      <c r="N41" s="21"/>
    </row>
    <row r="42" spans="1:14" ht="12.75" customHeight="1">
      <c r="A42" s="29" t="s">
        <v>33</v>
      </c>
      <c r="K42" s="18">
        <v>32878.300000000003</v>
      </c>
      <c r="L42" s="5"/>
      <c r="N42" s="21"/>
    </row>
    <row r="43" spans="1:14" ht="12.75" customHeight="1">
      <c r="A43" s="29" t="s">
        <v>34</v>
      </c>
      <c r="K43" s="18">
        <v>11124.1</v>
      </c>
      <c r="L43" s="5"/>
      <c r="N43" s="19"/>
    </row>
    <row r="44" spans="1:14" ht="12.75" customHeight="1">
      <c r="A44" s="29" t="s">
        <v>35</v>
      </c>
      <c r="K44" s="18">
        <v>7023.9</v>
      </c>
      <c r="L44" s="5"/>
      <c r="N44" s="21"/>
    </row>
    <row r="45" spans="1:14" ht="12.75" customHeight="1">
      <c r="A45" s="29"/>
      <c r="K45" s="22">
        <v>51026.3</v>
      </c>
      <c r="L45" s="5"/>
      <c r="N45" s="21"/>
    </row>
    <row r="46" spans="1:14" ht="12.75" customHeight="1">
      <c r="A46" s="33" t="s">
        <v>36</v>
      </c>
      <c r="K46" s="24"/>
      <c r="L46" s="5"/>
      <c r="N46" s="21"/>
    </row>
    <row r="47" spans="1:14" ht="12.75" customHeight="1">
      <c r="A47" s="29" t="s">
        <v>37</v>
      </c>
      <c r="K47" s="18">
        <v>4302.8</v>
      </c>
      <c r="L47" s="5"/>
      <c r="N47" s="21"/>
    </row>
    <row r="48" spans="1:14" ht="12.75" customHeight="1">
      <c r="A48" s="29" t="s">
        <v>38</v>
      </c>
      <c r="K48" s="18">
        <v>8683.6</v>
      </c>
      <c r="L48" s="5"/>
      <c r="N48" s="21"/>
    </row>
    <row r="49" spans="1:14" ht="12.75" customHeight="1">
      <c r="A49" s="29" t="s">
        <v>39</v>
      </c>
      <c r="K49" s="18">
        <v>3547</v>
      </c>
      <c r="L49" s="5"/>
      <c r="N49" s="21"/>
    </row>
    <row r="50" spans="1:14" ht="12.75" customHeight="1">
      <c r="A50" s="29"/>
      <c r="K50" s="35">
        <v>16533.400000000001</v>
      </c>
      <c r="L50" s="5"/>
      <c r="N50" s="21"/>
    </row>
    <row r="51" spans="1:14" ht="12.75" customHeight="1">
      <c r="A51" s="33"/>
      <c r="K51" s="27"/>
      <c r="L51" s="5"/>
      <c r="N51" s="21"/>
    </row>
    <row r="52" spans="1:14" ht="12.75" customHeight="1">
      <c r="A52" s="3" t="s">
        <v>40</v>
      </c>
      <c r="K52" s="25">
        <v>1571323.6999999997</v>
      </c>
      <c r="L52" s="5"/>
      <c r="N52" s="21"/>
    </row>
    <row r="53" spans="1:14" ht="12.75" customHeight="1">
      <c r="A53" s="29"/>
      <c r="K53" s="23"/>
      <c r="L53" s="5"/>
      <c r="N53" s="21"/>
    </row>
    <row r="54" spans="1:14" ht="12.75" customHeight="1">
      <c r="A54" s="33" t="s">
        <v>41</v>
      </c>
      <c r="K54" s="25">
        <v>38630.199999999997</v>
      </c>
      <c r="L54" s="5"/>
      <c r="N54" s="21"/>
    </row>
    <row r="55" spans="1:14" ht="12.75" customHeight="1">
      <c r="A55" s="29"/>
      <c r="K55" s="24"/>
      <c r="L55" s="5"/>
      <c r="N55" s="21"/>
    </row>
    <row r="56" spans="1:14" ht="12.75" customHeight="1">
      <c r="A56" s="3" t="s">
        <v>42</v>
      </c>
      <c r="K56" s="36"/>
      <c r="L56" s="5"/>
    </row>
    <row r="57" spans="1:14" ht="12.75" customHeight="1">
      <c r="B57" s="29" t="s">
        <v>43</v>
      </c>
      <c r="K57" s="18">
        <v>111612.1</v>
      </c>
      <c r="L57" s="5"/>
    </row>
    <row r="58" spans="1:14" ht="14.25">
      <c r="B58" s="29" t="s">
        <v>44</v>
      </c>
      <c r="K58" s="18">
        <v>259453.3</v>
      </c>
      <c r="L58" s="5"/>
    </row>
    <row r="59" spans="1:14" ht="15">
      <c r="A59" s="3" t="s">
        <v>45</v>
      </c>
      <c r="K59" s="22">
        <v>371065.4</v>
      </c>
      <c r="L59" s="5"/>
    </row>
    <row r="60" spans="1:14" ht="15.75" thickBot="1">
      <c r="A60" s="3" t="s">
        <v>46</v>
      </c>
      <c r="K60" s="37">
        <v>1981019.2999999998</v>
      </c>
      <c r="L60" s="5"/>
      <c r="N60" s="19"/>
    </row>
    <row r="61" spans="1:14" ht="12.75" customHeight="1" thickTop="1">
      <c r="K61" s="23"/>
      <c r="N61" s="21"/>
    </row>
    <row r="62" spans="1:14" ht="12.75" customHeight="1">
      <c r="A62" s="38"/>
      <c r="I62" s="39"/>
      <c r="J62" s="40"/>
      <c r="N62" s="21"/>
    </row>
    <row r="63" spans="1:14" ht="12.75" customHeight="1">
      <c r="A63" s="38"/>
      <c r="I63" s="39"/>
      <c r="J63" s="40"/>
      <c r="N63" s="21"/>
    </row>
    <row r="64" spans="1:14" ht="12.75" customHeight="1">
      <c r="A64" s="38"/>
      <c r="I64" s="39"/>
      <c r="J64" s="40"/>
      <c r="N64" s="21"/>
    </row>
    <row r="65" spans="1:14" s="4" customFormat="1" ht="12.75" customHeight="1">
      <c r="K65" s="5"/>
      <c r="L65" s="5"/>
    </row>
    <row r="68" spans="1:14" s="41" customFormat="1" ht="12.75" customHeight="1">
      <c r="A68" s="2"/>
      <c r="B68" s="2"/>
      <c r="C68" s="2"/>
      <c r="D68" s="2"/>
      <c r="E68" s="2"/>
      <c r="F68" s="2"/>
      <c r="G68" s="2"/>
      <c r="H68" s="2"/>
      <c r="I68" s="2"/>
      <c r="J68" s="8"/>
      <c r="K68" s="9"/>
      <c r="L68" s="9"/>
    </row>
    <row r="70" spans="1:14" s="4" customFormat="1" ht="12.75" customHeight="1">
      <c r="A70" s="2"/>
      <c r="B70" s="2"/>
      <c r="C70" s="2"/>
      <c r="D70" s="2"/>
      <c r="E70" s="2"/>
      <c r="F70" s="2"/>
      <c r="G70" s="2"/>
      <c r="H70" s="2"/>
      <c r="I70" s="2"/>
      <c r="J70" s="8"/>
      <c r="K70" s="9"/>
      <c r="L70" s="9"/>
    </row>
    <row r="71" spans="1:14" ht="12.75" customHeight="1">
      <c r="M71" s="4"/>
      <c r="N71" s="4"/>
    </row>
  </sheetData>
  <pageMargins left="1.0900000000000001" right="0.15748031496062992" top="0.38" bottom="0.39370078740157483" header="0.56999999999999995" footer="0.47"/>
  <pageSetup scale="91" orientation="portrait" blackAndWhite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0"/>
  <sheetViews>
    <sheetView showGridLines="0" zoomScale="90" zoomScaleNormal="100" zoomScaleSheetLayoutView="75" workbookViewId="0">
      <selection activeCell="H28" sqref="H28"/>
    </sheetView>
  </sheetViews>
  <sheetFormatPr defaultColWidth="10.7109375" defaultRowHeight="14.25" customHeight="1"/>
  <cols>
    <col min="1" max="1" width="1.28515625" style="2" customWidth="1"/>
    <col min="2" max="2" width="1.7109375" style="2" customWidth="1"/>
    <col min="3" max="3" width="1.42578125" style="2" customWidth="1"/>
    <col min="4" max="4" width="1.85546875" style="2" customWidth="1"/>
    <col min="5" max="5" width="4.5703125" style="2" customWidth="1"/>
    <col min="6" max="6" width="3.42578125" style="2" customWidth="1"/>
    <col min="7" max="7" width="12.42578125" style="2" customWidth="1"/>
    <col min="8" max="8" width="43.140625" style="2" customWidth="1"/>
    <col min="9" max="9" width="1.5703125" style="8" customWidth="1"/>
    <col min="10" max="10" width="14.28515625" style="43" customWidth="1"/>
    <col min="11" max="11" width="3.28515625" style="44" customWidth="1"/>
    <col min="12" max="12" width="39.85546875" style="2" customWidth="1"/>
    <col min="13" max="16384" width="10.7109375" style="2"/>
  </cols>
  <sheetData>
    <row r="1" spans="1:25" ht="17.25" customHeight="1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M1" s="3"/>
      <c r="O1" s="3"/>
      <c r="Q1" s="4"/>
      <c r="R1" s="4"/>
      <c r="S1" s="5"/>
      <c r="T1" s="4"/>
      <c r="U1" s="4"/>
      <c r="V1" s="4"/>
      <c r="W1" s="4"/>
      <c r="X1" s="4"/>
      <c r="Y1" s="4"/>
    </row>
    <row r="2" spans="1:25" ht="17.25" customHeight="1">
      <c r="A2" s="1" t="s">
        <v>1</v>
      </c>
      <c r="B2" s="1"/>
      <c r="C2" s="1"/>
      <c r="D2" s="1"/>
      <c r="E2" s="1"/>
      <c r="F2" s="1"/>
      <c r="G2" s="1"/>
      <c r="H2" s="1"/>
      <c r="I2" s="1"/>
      <c r="J2" s="1"/>
      <c r="K2" s="1"/>
      <c r="M2" s="3"/>
      <c r="O2" s="3"/>
      <c r="Q2" s="4"/>
      <c r="R2" s="4"/>
      <c r="S2" s="5"/>
      <c r="T2" s="4"/>
      <c r="U2" s="4"/>
      <c r="V2" s="4"/>
      <c r="W2" s="4"/>
      <c r="X2" s="4"/>
      <c r="Y2" s="4"/>
    </row>
    <row r="3" spans="1:25" ht="15">
      <c r="A3" s="1" t="s">
        <v>2</v>
      </c>
      <c r="B3" s="7"/>
      <c r="C3" s="7"/>
      <c r="D3" s="7"/>
      <c r="E3" s="7"/>
      <c r="F3" s="7"/>
      <c r="G3" s="7"/>
      <c r="H3" s="7"/>
      <c r="I3" s="7"/>
      <c r="J3" s="7"/>
      <c r="K3" s="42"/>
      <c r="Q3" s="4"/>
      <c r="R3" s="4"/>
      <c r="S3" s="5"/>
      <c r="T3" s="4"/>
      <c r="U3" s="4"/>
      <c r="V3" s="4"/>
      <c r="W3" s="4"/>
      <c r="X3" s="4"/>
      <c r="Y3" s="4"/>
    </row>
    <row r="4" spans="1:25" ht="14.25" customHeight="1">
      <c r="A4" s="1" t="s">
        <v>47</v>
      </c>
      <c r="B4" s="1"/>
      <c r="C4" s="1"/>
      <c r="D4" s="1"/>
      <c r="E4" s="1"/>
      <c r="F4" s="1"/>
      <c r="G4" s="1"/>
      <c r="H4" s="1"/>
      <c r="I4" s="1"/>
      <c r="J4" s="1"/>
      <c r="K4" s="1"/>
    </row>
    <row r="5" spans="1:25" ht="14.25" customHeight="1">
      <c r="A5" s="1" t="s">
        <v>48</v>
      </c>
      <c r="B5" s="1"/>
      <c r="C5" s="1"/>
      <c r="D5" s="1"/>
      <c r="E5" s="1"/>
      <c r="F5" s="1"/>
      <c r="G5" s="1"/>
      <c r="H5" s="1"/>
      <c r="I5" s="1"/>
      <c r="J5" s="1"/>
      <c r="K5" s="1"/>
    </row>
    <row r="6" spans="1:25" ht="14.25" customHeight="1">
      <c r="A6" s="7" t="s">
        <v>4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25" ht="11.25" customHeight="1" thickBot="1">
      <c r="A7" s="20"/>
    </row>
    <row r="8" spans="1:25" ht="14.25" customHeight="1" thickTop="1">
      <c r="A8" s="45"/>
      <c r="B8" s="10"/>
      <c r="C8" s="10"/>
      <c r="D8" s="10"/>
      <c r="E8" s="10"/>
      <c r="F8" s="10"/>
      <c r="G8" s="10"/>
      <c r="H8" s="10"/>
      <c r="I8" s="11"/>
      <c r="J8" s="46"/>
      <c r="K8" s="47"/>
    </row>
    <row r="9" spans="1:25" ht="14.25" customHeight="1">
      <c r="A9" s="4"/>
      <c r="B9" s="4"/>
      <c r="C9" s="4"/>
      <c r="D9" s="4"/>
      <c r="E9" s="4"/>
      <c r="F9" s="4"/>
      <c r="G9" s="4"/>
      <c r="H9" s="4"/>
      <c r="I9" s="14"/>
      <c r="J9" s="15">
        <v>2018</v>
      </c>
      <c r="K9" s="48"/>
    </row>
    <row r="10" spans="1:25" ht="14.25" customHeight="1">
      <c r="A10" s="49" t="s">
        <v>49</v>
      </c>
      <c r="B10" s="4"/>
      <c r="C10" s="4"/>
      <c r="D10" s="4"/>
      <c r="E10" s="4"/>
      <c r="F10" s="4"/>
      <c r="G10" s="4"/>
      <c r="H10" s="4"/>
      <c r="I10" s="50"/>
      <c r="J10" s="51"/>
      <c r="K10" s="52"/>
    </row>
    <row r="11" spans="1:25" ht="14.25" customHeight="1">
      <c r="B11" s="29" t="s">
        <v>50</v>
      </c>
      <c r="C11" s="4"/>
      <c r="D11" s="4"/>
      <c r="E11" s="4"/>
      <c r="F11" s="4"/>
      <c r="G11" s="4"/>
      <c r="H11" s="4"/>
      <c r="I11" s="50"/>
      <c r="J11" s="53">
        <v>107783</v>
      </c>
      <c r="K11" s="54"/>
    </row>
    <row r="12" spans="1:25" ht="14.25" customHeight="1">
      <c r="B12" s="55" t="s">
        <v>51</v>
      </c>
      <c r="C12" s="55"/>
      <c r="D12" s="55"/>
      <c r="E12" s="55"/>
      <c r="F12" s="55"/>
      <c r="G12" s="55"/>
      <c r="H12" s="55"/>
      <c r="I12" s="56"/>
      <c r="J12" s="53">
        <v>7478.3</v>
      </c>
      <c r="K12" s="54"/>
    </row>
    <row r="13" spans="1:25" ht="14.25" customHeight="1">
      <c r="B13" s="57" t="s">
        <v>52</v>
      </c>
      <c r="C13" s="55"/>
      <c r="D13" s="55"/>
      <c r="E13" s="55"/>
      <c r="F13" s="55"/>
      <c r="G13" s="55"/>
      <c r="H13" s="55"/>
      <c r="I13" s="56"/>
      <c r="J13" s="53">
        <v>4734.6000000000004</v>
      </c>
      <c r="K13" s="54"/>
    </row>
    <row r="14" spans="1:25" ht="14.25" customHeight="1">
      <c r="B14" s="58" t="s">
        <v>53</v>
      </c>
      <c r="C14" s="55"/>
      <c r="D14" s="55"/>
      <c r="E14" s="55"/>
      <c r="F14" s="55"/>
      <c r="G14" s="55"/>
      <c r="H14" s="55"/>
      <c r="I14" s="56"/>
      <c r="J14" s="53">
        <v>0</v>
      </c>
      <c r="K14" s="54"/>
    </row>
    <row r="15" spans="1:25" ht="14.25" customHeight="1">
      <c r="B15" s="29" t="s">
        <v>54</v>
      </c>
      <c r="C15" s="55"/>
      <c r="D15" s="55"/>
      <c r="E15" s="55"/>
      <c r="F15" s="55"/>
      <c r="G15" s="55"/>
      <c r="H15" s="55"/>
      <c r="I15" s="56"/>
      <c r="J15" s="53">
        <v>137</v>
      </c>
      <c r="K15" s="54"/>
    </row>
    <row r="16" spans="1:25" ht="14.25" customHeight="1">
      <c r="B16" s="29" t="s">
        <v>55</v>
      </c>
      <c r="C16" s="55"/>
      <c r="D16" s="55"/>
      <c r="E16" s="55"/>
      <c r="F16" s="55"/>
      <c r="G16" s="55"/>
      <c r="H16" s="55"/>
      <c r="I16" s="56"/>
      <c r="J16" s="53">
        <v>4850.8999999999996</v>
      </c>
      <c r="K16" s="54"/>
    </row>
    <row r="17" spans="1:12" ht="14.25" customHeight="1">
      <c r="B17" s="29" t="s">
        <v>56</v>
      </c>
      <c r="C17" s="55"/>
      <c r="D17" s="55"/>
      <c r="E17" s="55"/>
      <c r="F17" s="55"/>
      <c r="G17" s="55"/>
      <c r="H17" s="55"/>
      <c r="I17" s="56"/>
      <c r="J17" s="53">
        <v>219.1</v>
      </c>
      <c r="K17" s="54"/>
    </row>
    <row r="18" spans="1:12" ht="14.25" customHeight="1">
      <c r="B18" s="29" t="s">
        <v>57</v>
      </c>
      <c r="C18" s="55"/>
      <c r="D18" s="55"/>
      <c r="E18" s="55"/>
      <c r="F18" s="55"/>
      <c r="G18" s="55"/>
      <c r="H18" s="55"/>
      <c r="I18" s="56"/>
      <c r="J18" s="53">
        <v>32196.2</v>
      </c>
      <c r="K18" s="54"/>
    </row>
    <row r="19" spans="1:12" ht="14.25" customHeight="1">
      <c r="B19" s="29" t="s">
        <v>58</v>
      </c>
      <c r="C19" s="55"/>
      <c r="D19" s="55"/>
      <c r="E19" s="55"/>
      <c r="F19" s="55"/>
      <c r="G19" s="55"/>
      <c r="H19" s="55"/>
      <c r="I19" s="56"/>
      <c r="J19" s="53">
        <v>9189.6</v>
      </c>
      <c r="K19" s="54"/>
    </row>
    <row r="20" spans="1:12" ht="14.25" customHeight="1">
      <c r="A20" s="59" t="s">
        <v>59</v>
      </c>
      <c r="C20" s="55"/>
      <c r="F20" s="55"/>
      <c r="G20" s="55"/>
      <c r="H20" s="55"/>
      <c r="I20" s="56"/>
      <c r="J20" s="60">
        <v>20280.2</v>
      </c>
      <c r="K20" s="54"/>
      <c r="L20" s="21" t="s">
        <v>17</v>
      </c>
    </row>
    <row r="21" spans="1:12" ht="14.25" customHeight="1">
      <c r="A21" s="59"/>
      <c r="C21" s="55"/>
      <c r="D21" s="55"/>
      <c r="E21" s="55"/>
      <c r="F21" s="55"/>
      <c r="G21" s="55"/>
      <c r="H21" s="55"/>
      <c r="I21" s="56"/>
      <c r="J21" s="53">
        <v>186868.90000000002</v>
      </c>
      <c r="K21" s="54"/>
    </row>
    <row r="22" spans="1:12" ht="14.25" customHeight="1">
      <c r="A22" s="49" t="s">
        <v>60</v>
      </c>
      <c r="B22" s="61"/>
      <c r="C22" s="62"/>
      <c r="D22" s="55"/>
      <c r="E22" s="55"/>
      <c r="F22" s="55"/>
      <c r="G22" s="55"/>
      <c r="H22" s="55"/>
      <c r="I22" s="56"/>
      <c r="J22" s="53"/>
      <c r="K22" s="52"/>
      <c r="L22" s="21" t="s">
        <v>17</v>
      </c>
    </row>
    <row r="23" spans="1:12" ht="14.25" customHeight="1">
      <c r="A23" s="49"/>
      <c r="B23" s="29" t="s">
        <v>61</v>
      </c>
      <c r="C23" s="62"/>
      <c r="D23" s="55"/>
      <c r="E23" s="55"/>
      <c r="F23" s="55"/>
      <c r="G23" s="55"/>
      <c r="H23" s="55"/>
      <c r="I23" s="56"/>
      <c r="K23" s="52"/>
      <c r="L23" s="21"/>
    </row>
    <row r="24" spans="1:12" ht="14.25" customHeight="1">
      <c r="A24" s="49"/>
      <c r="B24" s="29" t="s">
        <v>62</v>
      </c>
      <c r="C24" s="62"/>
      <c r="D24" s="55"/>
      <c r="E24" s="55"/>
      <c r="F24" s="55"/>
      <c r="G24" s="55"/>
      <c r="H24" s="55"/>
      <c r="I24" s="56"/>
      <c r="J24" s="53">
        <v>25759.3</v>
      </c>
      <c r="K24" s="52"/>
      <c r="L24" s="21"/>
    </row>
    <row r="25" spans="1:12" ht="14.25" customHeight="1">
      <c r="A25" s="49"/>
      <c r="B25" s="29" t="s">
        <v>63</v>
      </c>
      <c r="C25" s="62"/>
      <c r="D25" s="55"/>
      <c r="E25" s="55"/>
      <c r="F25" s="55"/>
      <c r="G25" s="55"/>
      <c r="H25" s="55"/>
      <c r="I25" s="56"/>
      <c r="J25" s="53">
        <v>5297.9</v>
      </c>
      <c r="K25" s="52"/>
      <c r="L25" s="21"/>
    </row>
    <row r="26" spans="1:12" ht="14.25" customHeight="1">
      <c r="A26" s="49"/>
      <c r="B26" s="29" t="s">
        <v>64</v>
      </c>
      <c r="C26" s="62"/>
      <c r="D26" s="55"/>
      <c r="E26" s="55"/>
      <c r="F26" s="55"/>
      <c r="G26" s="55"/>
      <c r="H26" s="55"/>
      <c r="I26" s="56"/>
      <c r="J26" s="53">
        <v>3377.1</v>
      </c>
      <c r="K26" s="52"/>
      <c r="L26" s="21"/>
    </row>
    <row r="27" spans="1:12" ht="14.25" customHeight="1">
      <c r="A27" s="49"/>
      <c r="B27" s="29" t="s">
        <v>55</v>
      </c>
      <c r="C27" s="62"/>
      <c r="D27" s="55"/>
      <c r="E27" s="55"/>
      <c r="F27" s="55"/>
      <c r="G27" s="55"/>
      <c r="H27" s="55"/>
      <c r="I27" s="56"/>
      <c r="J27" s="53">
        <v>0</v>
      </c>
      <c r="K27" s="52"/>
      <c r="L27" s="21"/>
    </row>
    <row r="28" spans="1:12" ht="14.25" customHeight="1">
      <c r="A28" s="49"/>
      <c r="B28" s="29" t="s">
        <v>65</v>
      </c>
      <c r="C28" s="62"/>
      <c r="D28" s="55"/>
      <c r="E28" s="55"/>
      <c r="F28" s="55"/>
      <c r="G28" s="55"/>
      <c r="H28" s="55"/>
      <c r="I28" s="56"/>
      <c r="J28" s="53">
        <v>10.9</v>
      </c>
      <c r="K28" s="52"/>
      <c r="L28" s="21"/>
    </row>
    <row r="29" spans="1:12" ht="14.25" customHeight="1">
      <c r="A29" s="49"/>
      <c r="B29" s="29" t="s">
        <v>66</v>
      </c>
      <c r="C29" s="62"/>
      <c r="D29" s="55"/>
      <c r="E29" s="55"/>
      <c r="F29" s="55"/>
      <c r="G29" s="55"/>
      <c r="H29" s="55"/>
      <c r="I29" s="56"/>
      <c r="J29" s="53">
        <v>13629</v>
      </c>
      <c r="K29" s="52"/>
      <c r="L29" s="21"/>
    </row>
    <row r="30" spans="1:12" ht="14.25" customHeight="1">
      <c r="B30" s="29" t="s">
        <v>58</v>
      </c>
      <c r="C30" s="62"/>
      <c r="D30" s="61"/>
      <c r="E30" s="55"/>
      <c r="F30" s="55"/>
      <c r="G30" s="55"/>
      <c r="H30" s="55"/>
      <c r="I30" s="56"/>
      <c r="J30" s="53">
        <v>4422.5</v>
      </c>
      <c r="K30" s="54"/>
    </row>
    <row r="31" spans="1:12" ht="14.25" customHeight="1">
      <c r="B31" s="61"/>
      <c r="C31" s="62"/>
      <c r="D31" s="61"/>
      <c r="E31" s="55"/>
      <c r="F31" s="55"/>
      <c r="G31" s="55"/>
      <c r="H31" s="55"/>
      <c r="I31" s="56"/>
      <c r="J31" s="63">
        <v>30453.8</v>
      </c>
      <c r="K31" s="54"/>
    </row>
    <row r="32" spans="1:12" ht="14.25" customHeight="1">
      <c r="B32" s="61"/>
      <c r="C32" s="62"/>
      <c r="D32" s="61"/>
      <c r="E32" s="55"/>
      <c r="F32" s="55"/>
      <c r="G32" s="55"/>
      <c r="H32" s="55"/>
      <c r="I32" s="56"/>
      <c r="J32" s="53">
        <v>82950.5</v>
      </c>
      <c r="K32" s="54"/>
    </row>
    <row r="33" spans="1:12" ht="14.25" customHeight="1">
      <c r="A33" s="29" t="s">
        <v>67</v>
      </c>
      <c r="B33" s="61"/>
      <c r="C33" s="62"/>
      <c r="D33" s="61"/>
      <c r="E33" s="55"/>
      <c r="F33" s="55"/>
      <c r="G33" s="55"/>
      <c r="H33" s="55"/>
      <c r="I33" s="56"/>
      <c r="J33" s="53"/>
      <c r="K33" s="54"/>
    </row>
    <row r="34" spans="1:12" ht="14.25" customHeight="1">
      <c r="A34" s="29"/>
      <c r="B34" s="61"/>
      <c r="C34" s="62"/>
      <c r="D34" s="61"/>
      <c r="E34" s="55"/>
      <c r="F34" s="55"/>
      <c r="G34" s="55"/>
      <c r="H34" s="55"/>
      <c r="I34" s="56"/>
      <c r="J34" s="53">
        <v>14456.3</v>
      </c>
      <c r="K34" s="54"/>
      <c r="L34" s="64"/>
    </row>
    <row r="35" spans="1:12" ht="14.25" customHeight="1">
      <c r="A35" s="29"/>
      <c r="B35" s="61"/>
      <c r="C35" s="62"/>
      <c r="D35" s="61"/>
      <c r="E35" s="55"/>
      <c r="F35" s="55"/>
      <c r="G35" s="55"/>
      <c r="H35" s="55"/>
      <c r="I35" s="56"/>
      <c r="J35" s="65">
        <v>97406.8</v>
      </c>
      <c r="K35" s="54"/>
    </row>
    <row r="36" spans="1:12" ht="14.25" customHeight="1">
      <c r="A36" s="59" t="s">
        <v>68</v>
      </c>
      <c r="B36" s="55"/>
      <c r="C36" s="55"/>
      <c r="D36" s="55"/>
      <c r="E36" s="55"/>
      <c r="F36" s="55"/>
      <c r="G36" s="55"/>
      <c r="H36" s="55"/>
      <c r="I36" s="56"/>
      <c r="J36" s="66"/>
      <c r="K36" s="54"/>
    </row>
    <row r="37" spans="1:12" ht="14.25" customHeight="1">
      <c r="A37" s="59"/>
      <c r="B37" s="55"/>
      <c r="C37" s="55"/>
      <c r="D37" s="55"/>
      <c r="E37" s="55"/>
      <c r="F37" s="55"/>
      <c r="G37" s="55"/>
      <c r="H37" s="55"/>
      <c r="I37" s="56"/>
      <c r="J37" s="60">
        <v>89462.10000000002</v>
      </c>
      <c r="K37" s="54"/>
    </row>
    <row r="38" spans="1:12" ht="14.25" customHeight="1">
      <c r="A38" s="59" t="s">
        <v>69</v>
      </c>
      <c r="B38" s="55"/>
      <c r="C38" s="55"/>
      <c r="D38" s="55"/>
      <c r="E38" s="55"/>
      <c r="F38" s="55"/>
      <c r="G38" s="55"/>
      <c r="H38" s="55"/>
      <c r="I38" s="56"/>
      <c r="K38" s="54"/>
      <c r="L38" s="21"/>
    </row>
    <row r="39" spans="1:12" ht="14.25" customHeight="1">
      <c r="B39" s="29" t="s">
        <v>70</v>
      </c>
      <c r="C39" s="55"/>
      <c r="D39" s="59"/>
      <c r="E39" s="55"/>
      <c r="F39" s="55"/>
      <c r="G39" s="55"/>
      <c r="H39" s="55"/>
      <c r="I39" s="56"/>
      <c r="J39" s="53"/>
      <c r="K39" s="54"/>
      <c r="L39" s="19"/>
    </row>
    <row r="40" spans="1:12" ht="14.25" customHeight="1">
      <c r="B40" s="29" t="s">
        <v>71</v>
      </c>
      <c r="C40" s="55"/>
      <c r="D40" s="55"/>
      <c r="E40" s="55"/>
      <c r="F40" s="55"/>
      <c r="G40" s="55"/>
      <c r="H40" s="55"/>
      <c r="I40" s="56"/>
      <c r="J40" s="53">
        <v>28347.5</v>
      </c>
      <c r="K40" s="54"/>
      <c r="L40" s="21"/>
    </row>
    <row r="41" spans="1:12" ht="14.25" customHeight="1">
      <c r="B41" s="29" t="s">
        <v>72</v>
      </c>
      <c r="C41" s="55"/>
      <c r="D41" s="55"/>
      <c r="E41" s="59"/>
      <c r="F41" s="55"/>
      <c r="G41" s="55"/>
      <c r="H41" s="55"/>
      <c r="I41" s="56"/>
      <c r="J41" s="67">
        <v>29543</v>
      </c>
      <c r="K41" s="54"/>
      <c r="L41" s="21"/>
    </row>
    <row r="42" spans="1:12" ht="14.25" customHeight="1">
      <c r="B42" s="55"/>
      <c r="C42" s="55"/>
      <c r="D42" s="55"/>
      <c r="E42" s="59"/>
      <c r="F42" s="55"/>
      <c r="G42" s="55"/>
      <c r="H42" s="55"/>
      <c r="I42" s="56"/>
      <c r="J42" s="60">
        <v>3386.4</v>
      </c>
      <c r="K42" s="54"/>
      <c r="L42" s="21"/>
    </row>
    <row r="43" spans="1:12" ht="14.25" customHeight="1">
      <c r="A43" s="59" t="s">
        <v>73</v>
      </c>
      <c r="B43" s="55"/>
      <c r="C43" s="55"/>
      <c r="D43" s="55"/>
      <c r="E43" s="59"/>
      <c r="F43" s="55"/>
      <c r="G43" s="55"/>
      <c r="H43" s="55"/>
      <c r="I43" s="56"/>
      <c r="J43" s="65">
        <v>61276.9</v>
      </c>
      <c r="K43" s="52"/>
      <c r="L43" s="21"/>
    </row>
    <row r="44" spans="1:12" ht="14.25" hidden="1" customHeight="1">
      <c r="A44" s="59"/>
      <c r="B44" s="29" t="s">
        <v>74</v>
      </c>
      <c r="C44" s="55"/>
      <c r="D44" s="55"/>
      <c r="E44" s="59"/>
      <c r="F44" s="55"/>
      <c r="G44" s="55"/>
      <c r="H44" s="55"/>
      <c r="I44" s="56"/>
      <c r="J44" s="53">
        <v>28185.200000000019</v>
      </c>
      <c r="K44" s="52"/>
      <c r="L44" s="21"/>
    </row>
    <row r="45" spans="1:12" ht="14.25" customHeight="1">
      <c r="A45" s="55"/>
      <c r="B45" s="68" t="s">
        <v>75</v>
      </c>
      <c r="C45" s="55"/>
      <c r="D45" s="55"/>
      <c r="E45" s="59"/>
      <c r="F45" s="55"/>
      <c r="G45" s="55"/>
      <c r="H45" s="55"/>
      <c r="I45" s="56"/>
      <c r="J45" s="53">
        <v>0</v>
      </c>
      <c r="K45" s="52"/>
      <c r="L45" s="69"/>
    </row>
    <row r="46" spans="1:12" ht="14.25" customHeight="1">
      <c r="A46" s="55"/>
      <c r="B46" s="29" t="s">
        <v>76</v>
      </c>
      <c r="C46" s="55"/>
      <c r="D46" s="55"/>
      <c r="E46" s="59"/>
      <c r="F46" s="55"/>
      <c r="G46" s="55"/>
      <c r="H46" s="55"/>
      <c r="I46" s="56"/>
      <c r="J46" s="60">
        <v>11362.1</v>
      </c>
      <c r="K46" s="52"/>
      <c r="L46" s="21"/>
    </row>
    <row r="47" spans="1:12" ht="14.25" customHeight="1">
      <c r="A47" s="55"/>
      <c r="B47" s="29" t="s">
        <v>77</v>
      </c>
      <c r="C47" s="55"/>
      <c r="D47" s="55"/>
      <c r="E47" s="59"/>
      <c r="F47" s="55"/>
      <c r="G47" s="55"/>
      <c r="H47" s="55"/>
      <c r="I47" s="56"/>
      <c r="J47" s="70">
        <v>39547.300000000017</v>
      </c>
      <c r="K47" s="52"/>
      <c r="L47" s="21"/>
    </row>
    <row r="48" spans="1:12" ht="14.25" customHeight="1">
      <c r="A48" s="55"/>
      <c r="B48" s="29" t="s">
        <v>78</v>
      </c>
      <c r="C48" s="55"/>
      <c r="D48" s="55"/>
      <c r="E48" s="59"/>
      <c r="F48" s="55"/>
      <c r="G48" s="55"/>
      <c r="H48" s="55"/>
      <c r="I48" s="56"/>
      <c r="J48" s="71">
        <v>-13001.1</v>
      </c>
      <c r="K48" s="52"/>
      <c r="L48" s="21"/>
    </row>
    <row r="49" spans="1:12" ht="14.25" customHeight="1">
      <c r="A49" s="55"/>
      <c r="B49" s="29" t="s">
        <v>79</v>
      </c>
      <c r="C49" s="55"/>
      <c r="D49" s="55"/>
      <c r="E49" s="59"/>
      <c r="F49" s="55"/>
      <c r="G49" s="55"/>
      <c r="H49" s="55"/>
      <c r="I49" s="56"/>
      <c r="J49" s="72">
        <v>-1470.8</v>
      </c>
      <c r="K49" s="52"/>
      <c r="L49" s="21"/>
    </row>
    <row r="50" spans="1:12" ht="14.25" customHeight="1">
      <c r="A50" s="55"/>
      <c r="B50" s="29" t="s">
        <v>80</v>
      </c>
      <c r="C50" s="55"/>
      <c r="D50" s="55"/>
      <c r="E50" s="59"/>
      <c r="F50" s="55"/>
      <c r="G50" s="55"/>
      <c r="H50" s="55"/>
      <c r="I50" s="56"/>
      <c r="J50" s="53">
        <v>25075.40000000002</v>
      </c>
      <c r="K50" s="52"/>
      <c r="L50" s="21"/>
    </row>
    <row r="51" spans="1:12" ht="14.25" customHeight="1">
      <c r="A51" s="59" t="s">
        <v>81</v>
      </c>
      <c r="B51" s="59"/>
      <c r="C51" s="59"/>
      <c r="D51" s="59"/>
      <c r="E51" s="59"/>
      <c r="F51" s="59"/>
      <c r="G51" s="59"/>
      <c r="H51" s="55"/>
      <c r="I51" s="56"/>
      <c r="J51" s="72">
        <v>-2070.1999999999998</v>
      </c>
      <c r="K51" s="54"/>
      <c r="L51" s="19"/>
    </row>
    <row r="52" spans="1:12" ht="14.25" customHeight="1" thickBot="1">
      <c r="A52" s="55"/>
      <c r="B52" s="55"/>
      <c r="C52" s="55"/>
      <c r="D52" s="55"/>
      <c r="E52" s="55"/>
      <c r="F52" s="55"/>
      <c r="G52" s="55"/>
      <c r="H52" s="55"/>
      <c r="I52" s="56"/>
      <c r="J52" s="73">
        <v>23005.200000000019</v>
      </c>
      <c r="K52" s="52"/>
      <c r="L52" s="21"/>
    </row>
    <row r="53" spans="1:12" ht="14.25" customHeight="1" thickTop="1">
      <c r="A53" s="55"/>
      <c r="B53" s="55"/>
      <c r="C53" s="55"/>
      <c r="D53" s="55"/>
      <c r="E53" s="55"/>
      <c r="F53" s="55"/>
      <c r="G53" s="55"/>
      <c r="H53" s="55"/>
      <c r="I53" s="56"/>
      <c r="J53" s="74"/>
      <c r="K53" s="52"/>
      <c r="L53" s="21"/>
    </row>
    <row r="54" spans="1:12" ht="14.25" customHeight="1">
      <c r="A54" s="55"/>
      <c r="B54" s="55"/>
      <c r="C54" s="55"/>
      <c r="D54" s="55"/>
      <c r="E54" s="55"/>
      <c r="F54" s="55"/>
      <c r="G54" s="55"/>
      <c r="H54" s="55"/>
      <c r="I54" s="56"/>
      <c r="J54" s="75"/>
      <c r="K54" s="52"/>
      <c r="L54" s="21"/>
    </row>
    <row r="55" spans="1:12" ht="14.25" customHeight="1">
      <c r="A55" s="76"/>
      <c r="B55" s="77"/>
      <c r="C55" s="77"/>
      <c r="D55" s="77"/>
      <c r="E55" s="77"/>
      <c r="F55" s="77"/>
      <c r="G55" s="77"/>
      <c r="H55" s="77"/>
      <c r="I55" s="77"/>
      <c r="J55" s="77"/>
      <c r="K55" s="77"/>
      <c r="L55" s="21"/>
    </row>
    <row r="56" spans="1:12" ht="14.25" customHeight="1">
      <c r="A56" s="76"/>
      <c r="B56" s="77"/>
      <c r="C56" s="77"/>
      <c r="D56" s="77"/>
      <c r="E56" s="77"/>
      <c r="F56" s="77"/>
      <c r="G56" s="77"/>
      <c r="H56" s="77"/>
      <c r="I56" s="78"/>
      <c r="J56" s="77"/>
      <c r="K56" s="77"/>
      <c r="L56" s="21"/>
    </row>
    <row r="57" spans="1:12" ht="14.25" customHeight="1">
      <c r="L57" s="21"/>
    </row>
    <row r="58" spans="1:12" ht="14.25" customHeight="1">
      <c r="L58" s="21"/>
    </row>
    <row r="59" spans="1:12" ht="14.25" customHeight="1">
      <c r="L59" s="21"/>
    </row>
    <row r="60" spans="1:12" ht="14.25" customHeight="1">
      <c r="L60" s="19"/>
    </row>
  </sheetData>
  <pageMargins left="1.24" right="0.59055118110236204" top="0.61" bottom="0.18" header="0.36" footer="0.41"/>
  <pageSetup scale="9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2</vt:i4>
      </vt:variant>
    </vt:vector>
  </HeadingPairs>
  <TitlesOfParts>
    <vt:vector size="4" baseType="lpstr">
      <vt:lpstr>Balance BVS</vt:lpstr>
      <vt:lpstr>Est.Res. BVS</vt:lpstr>
      <vt:lpstr>'Balance BVS'!Print_Area</vt:lpstr>
      <vt:lpstr>'Est.Res. BVS'!Print_Area</vt:lpstr>
    </vt:vector>
  </TitlesOfParts>
  <Company>Bank of Nova Scoti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brina Guerra</dc:creator>
  <cp:lastModifiedBy>Sabrina Guerra</cp:lastModifiedBy>
  <dcterms:created xsi:type="dcterms:W3CDTF">2018-11-26T17:32:14Z</dcterms:created>
  <dcterms:modified xsi:type="dcterms:W3CDTF">2018-11-26T17:35:40Z</dcterms:modified>
</cp:coreProperties>
</file>